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5" uniqueCount="752">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あさひまちクリニック</t>
    <phoneticPr fontId="3"/>
  </si>
  <si>
    <t>〒690-0003 島根県松江市朝日町476-7</t>
    <phoneticPr fontId="3"/>
  </si>
  <si>
    <t>〇</t>
  </si>
  <si>
    <t>母体保護法に基づく使用を想定していたが実際には使用しなかった。</t>
  </si>
  <si>
    <t>複数の診療科で活用</t>
  </si>
  <si>
    <t>内科</t>
  </si>
  <si>
    <t>有</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828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3</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3</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747</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9</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39</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50</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2</v>
      </c>
      <c r="K171" s="118" t="str">
        <f t="shared" ref="K171:K186" si="2">IF(OR(COUNTIF(L171:O171,"未確認")&gt;0,COUNTIF(L171:O171,"*")&gt;0),"※","")</f>
        <v/>
      </c>
      <c r="L171" s="212"/>
      <c r="M171" s="212">
        <v>0</v>
      </c>
      <c r="N171" s="212">
        <v>2</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1</v>
      </c>
      <c r="K173" s="118" t="str">
        <f t="shared" si="2"/>
        <v/>
      </c>
      <c r="L173" s="212"/>
      <c r="M173" s="212">
        <v>0</v>
      </c>
      <c r="N173" s="212">
        <v>1</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1</v>
      </c>
      <c r="K177" s="118" t="str">
        <f t="shared" si="2"/>
        <v/>
      </c>
      <c r="L177" s="212"/>
      <c r="M177" s="212">
        <v>0</v>
      </c>
      <c r="N177" s="212">
        <v>1</v>
      </c>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v>0</v>
      </c>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746</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t="s">
        <v>751</v>
      </c>
      <c r="K332" s="118" t="str">
        <f>IF(OR(COUNTIF(J332,"未確認")&gt;0,COUNTIF(J332,"*")&gt;0),"※","")</f>
        <v>※</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16</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51</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t="s">
        <v>751</v>
      </c>
      <c r="K342" s="118" t="str">
        <f t="shared" si="4"/>
        <v>※</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37Z</dcterms:modified>
</cp:coreProperties>
</file>